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irscho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1B9AC681-C892-7C1F-C47C-78974CDAF40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9001" y="4560411"/>
            <a:ext cx="2897296"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Graphics&#10;&#10;Automatisch gegenereerde beschrijving">
            <a:extLst>
              <a:ext uri="{FF2B5EF4-FFF2-40B4-BE49-F238E27FC236}">
                <a16:creationId xmlns:a16="http://schemas.microsoft.com/office/drawing/2014/main" id="{AD2E9EB8-81FF-0C99-DE06-22981E37AD6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7068" y="3876361"/>
            <a:ext cx="2014062"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1-05T09:18:58Z</dcterms:modified>
</cp:coreProperties>
</file>